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3" sheetId="1" r:id="rId1"/>
  </sheets>
  <definedNames>
    <definedName name="_xlnm.Print_Area" localSheetId="0">'1-3'!$A$1:$K$4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6" i="1" l="1"/>
  <c r="H6" i="1"/>
  <c r="F6" i="1"/>
  <c r="D6" i="1"/>
  <c r="B6" i="1"/>
  <c r="J5" i="1"/>
  <c r="J4" i="1" s="1"/>
  <c r="H5" i="1"/>
  <c r="H4" i="1" s="1"/>
  <c r="F5" i="1"/>
  <c r="F4" i="1" s="1"/>
  <c r="D5" i="1"/>
  <c r="D4" i="1" s="1"/>
  <c r="B5" i="1"/>
  <c r="B4" i="1" s="1"/>
</calcChain>
</file>

<file path=xl/sharedStrings.xml><?xml version="1.0" encoding="utf-8"?>
<sst xmlns="http://schemas.openxmlformats.org/spreadsheetml/2006/main" count="84" uniqueCount="53">
  <si>
    <t>1-3表　増減人口</t>
    <phoneticPr fontId="4"/>
  </si>
  <si>
    <t>市町村名</t>
    <rPh sb="3" eb="4">
      <t>メイ</t>
    </rPh>
    <phoneticPr fontId="5"/>
  </si>
  <si>
    <t>平成7年～12年の増減</t>
    <rPh sb="0" eb="1">
      <t>ヘイセイ</t>
    </rPh>
    <rPh sb="2" eb="3">
      <t>ネン</t>
    </rPh>
    <rPh sb="6" eb="7">
      <t>７ネン</t>
    </rPh>
    <rPh sb="8" eb="10">
      <t>ゾウカ</t>
    </rPh>
    <rPh sb="10" eb="11">
      <t>ゲン</t>
    </rPh>
    <phoneticPr fontId="4"/>
  </si>
  <si>
    <t>平成12年～17年の増減</t>
    <rPh sb="0" eb="1">
      <t>ヘイセイ</t>
    </rPh>
    <rPh sb="9" eb="11">
      <t>ゾウカ</t>
    </rPh>
    <rPh sb="11" eb="12">
      <t>ゲン</t>
    </rPh>
    <phoneticPr fontId="4"/>
  </si>
  <si>
    <t>平成17年～22年の増減</t>
    <phoneticPr fontId="4"/>
  </si>
  <si>
    <t>平成22年～27年の増減</t>
    <rPh sb="0" eb="1">
      <t>ヘイセイ</t>
    </rPh>
    <rPh sb="9" eb="11">
      <t>ゾウカ</t>
    </rPh>
    <rPh sb="11" eb="12">
      <t>ゲン</t>
    </rPh>
    <phoneticPr fontId="4"/>
  </si>
  <si>
    <t>平成27年～令和2年の増減</t>
    <rPh sb="0" eb="1">
      <t>ヘイセイ</t>
    </rPh>
    <rPh sb="6" eb="8">
      <t>レイワ</t>
    </rPh>
    <rPh sb="10" eb="12">
      <t>ゾウカ</t>
    </rPh>
    <rPh sb="12" eb="13">
      <t>ゲン</t>
    </rPh>
    <phoneticPr fontId="4"/>
  </si>
  <si>
    <t>増減数（人）</t>
    <rPh sb="0" eb="2">
      <t>ゾウゲン</t>
    </rPh>
    <rPh sb="2" eb="3">
      <t>スウ</t>
    </rPh>
    <rPh sb="4" eb="5">
      <t>ヒト</t>
    </rPh>
    <phoneticPr fontId="4"/>
  </si>
  <si>
    <t>増減率</t>
    <rPh sb="0" eb="2">
      <t>ゾウゲン</t>
    </rPh>
    <rPh sb="2" eb="3">
      <t>リツ</t>
    </rPh>
    <phoneticPr fontId="4"/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城山町</t>
  </si>
  <si>
    <t>・</t>
  </si>
  <si>
    <t>津久井町</t>
  </si>
  <si>
    <t>相模湖町</t>
  </si>
  <si>
    <t>藤野町</t>
  </si>
  <si>
    <t>資料：国勢調査（各年10月1日現在）</t>
    <rPh sb="0" eb="2">
      <t>シリョウ</t>
    </rPh>
    <rPh sb="3" eb="5">
      <t>コクセイ</t>
    </rPh>
    <rPh sb="5" eb="7">
      <t>チョウサ</t>
    </rPh>
    <rPh sb="8" eb="10">
      <t>カクネン</t>
    </rPh>
    <rPh sb="12" eb="13">
      <t>ガツ</t>
    </rPh>
    <rPh sb="14" eb="15">
      <t>ヒ</t>
    </rPh>
    <rPh sb="15" eb="17">
      <t>ゲンザイ</t>
    </rPh>
    <phoneticPr fontId="4"/>
  </si>
  <si>
    <t>（注１）津久井町と相模湖町は平成18年3月20日に、城山町と藤野町は平成19年3月11日に相模原市と合併した。</t>
    <rPh sb="1" eb="2">
      <t>チュウ</t>
    </rPh>
    <rPh sb="4" eb="8">
      <t>ツクイマチ</t>
    </rPh>
    <rPh sb="9" eb="11">
      <t>サガミ</t>
    </rPh>
    <rPh sb="11" eb="12">
      <t>コ</t>
    </rPh>
    <rPh sb="12" eb="13">
      <t>マチ</t>
    </rPh>
    <rPh sb="14" eb="16">
      <t>ヘイセイ</t>
    </rPh>
    <rPh sb="18" eb="19">
      <t>ネン</t>
    </rPh>
    <rPh sb="20" eb="21">
      <t>ツキ</t>
    </rPh>
    <rPh sb="23" eb="24">
      <t>ヒ</t>
    </rPh>
    <rPh sb="26" eb="28">
      <t>シロヤマ</t>
    </rPh>
    <rPh sb="28" eb="29">
      <t>マチ</t>
    </rPh>
    <rPh sb="30" eb="32">
      <t>フジノ</t>
    </rPh>
    <rPh sb="32" eb="33">
      <t>マチ</t>
    </rPh>
    <rPh sb="34" eb="36">
      <t>ヘイセイ</t>
    </rPh>
    <rPh sb="38" eb="39">
      <t>ネン</t>
    </rPh>
    <rPh sb="40" eb="41">
      <t>ツキ</t>
    </rPh>
    <rPh sb="43" eb="44">
      <t>ヒ</t>
    </rPh>
    <rPh sb="45" eb="49">
      <t>サガミハラシ</t>
    </rPh>
    <rPh sb="50" eb="52">
      <t>ガッペイ</t>
    </rPh>
    <phoneticPr fontId="5"/>
  </si>
  <si>
    <t>（注２）相模原市は、平成22年４月１日から政令指定都市となった。</t>
    <rPh sb="1" eb="2">
      <t>チュウ</t>
    </rPh>
    <rPh sb="4" eb="8">
      <t>サガミハラシ</t>
    </rPh>
    <rPh sb="10" eb="12">
      <t>ヘイセイ</t>
    </rPh>
    <rPh sb="14" eb="15">
      <t>ネン</t>
    </rPh>
    <rPh sb="16" eb="17">
      <t>ツキ</t>
    </rPh>
    <rPh sb="18" eb="19">
      <t>ヒ</t>
    </rPh>
    <rPh sb="21" eb="23">
      <t>セイレイ</t>
    </rPh>
    <rPh sb="23" eb="25">
      <t>シテイ</t>
    </rPh>
    <rPh sb="25" eb="27">
      <t>トシ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,##0_ "/>
    <numFmt numFmtId="177" formatCode="#,##0;&quot;▲ &quot;#,##0"/>
    <numFmt numFmtId="178" formatCode="0.0%;&quot;▲&quot;0.0%"/>
    <numFmt numFmtId="179" formatCode="0.0%"/>
    <numFmt numFmtId="180" formatCode="#,##0.00_ "/>
  </numFmts>
  <fonts count="8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</borders>
  <cellStyleXfs count="4">
    <xf numFmtId="0" fontId="0" fillId="0" borderId="0"/>
    <xf numFmtId="9" fontId="6" fillId="0" borderId="0" applyFont="0" applyFill="0" applyBorder="0" applyAlignment="0" applyProtection="0">
      <alignment vertical="center"/>
    </xf>
    <xf numFmtId="176" fontId="1" fillId="0" borderId="0"/>
    <xf numFmtId="9" fontId="6" fillId="0" borderId="0" applyFont="0" applyFill="0" applyBorder="0" applyAlignment="0" applyProtection="0"/>
  </cellStyleXfs>
  <cellXfs count="47">
    <xf numFmtId="0" fontId="0" fillId="0" borderId="0" xfId="0"/>
    <xf numFmtId="176" fontId="2" fillId="2" borderId="1" xfId="2" applyFont="1" applyFill="1" applyBorder="1" applyAlignment="1">
      <alignment horizontal="left" vertical="center"/>
    </xf>
    <xf numFmtId="176" fontId="2" fillId="2" borderId="0" xfId="2" applyFont="1" applyFill="1" applyAlignment="1">
      <alignment vertical="center"/>
    </xf>
    <xf numFmtId="176" fontId="2" fillId="3" borderId="6" xfId="2" applyFont="1" applyFill="1" applyBorder="1" applyAlignment="1">
      <alignment horizontal="distributed" vertical="center"/>
    </xf>
    <xf numFmtId="176" fontId="2" fillId="3" borderId="7" xfId="2" applyFont="1" applyFill="1" applyBorder="1" applyAlignment="1">
      <alignment horizontal="distributed" vertical="center"/>
    </xf>
    <xf numFmtId="176" fontId="2" fillId="3" borderId="8" xfId="2" applyFont="1" applyFill="1" applyBorder="1" applyAlignment="1">
      <alignment horizontal="distributed" vertical="center"/>
    </xf>
    <xf numFmtId="176" fontId="2" fillId="4" borderId="9" xfId="0" applyNumberFormat="1" applyFont="1" applyFill="1" applyBorder="1" applyAlignment="1">
      <alignment horizontal="distributed" vertical="center" justifyLastLine="1"/>
    </xf>
    <xf numFmtId="177" fontId="7" fillId="4" borderId="10" xfId="2" applyNumberFormat="1" applyFont="1" applyFill="1" applyBorder="1" applyAlignment="1">
      <alignment vertical="center"/>
    </xf>
    <xf numFmtId="178" fontId="2" fillId="4" borderId="11" xfId="2" applyNumberFormat="1" applyFont="1" applyFill="1" applyBorder="1" applyAlignment="1">
      <alignment vertical="center"/>
    </xf>
    <xf numFmtId="179" fontId="2" fillId="4" borderId="11" xfId="3" applyNumberFormat="1" applyFont="1" applyFill="1" applyBorder="1" applyAlignment="1">
      <alignment vertical="center"/>
    </xf>
    <xf numFmtId="176" fontId="2" fillId="4" borderId="12" xfId="0" applyNumberFormat="1" applyFont="1" applyFill="1" applyBorder="1" applyAlignment="1">
      <alignment horizontal="distributed" vertical="center" justifyLastLine="1"/>
    </xf>
    <xf numFmtId="177" fontId="2" fillId="4" borderId="13" xfId="2" applyNumberFormat="1" applyFont="1" applyFill="1" applyBorder="1" applyAlignment="1">
      <alignment vertical="center"/>
    </xf>
    <xf numFmtId="178" fontId="2" fillId="4" borderId="14" xfId="2" applyNumberFormat="1" applyFont="1" applyFill="1" applyBorder="1" applyAlignment="1">
      <alignment vertical="center"/>
    </xf>
    <xf numFmtId="177" fontId="7" fillId="4" borderId="13" xfId="2" applyNumberFormat="1" applyFont="1" applyFill="1" applyBorder="1" applyAlignment="1">
      <alignment vertical="center"/>
    </xf>
    <xf numFmtId="176" fontId="2" fillId="2" borderId="9" xfId="2" applyFont="1" applyFill="1" applyBorder="1" applyAlignment="1">
      <alignment vertical="center"/>
    </xf>
    <xf numFmtId="177" fontId="2" fillId="2" borderId="10" xfId="2" applyNumberFormat="1" applyFont="1" applyFill="1" applyBorder="1" applyAlignment="1">
      <alignment vertical="center"/>
    </xf>
    <xf numFmtId="178" fontId="2" fillId="2" borderId="11" xfId="2" applyNumberFormat="1" applyFont="1" applyFill="1" applyBorder="1" applyAlignment="1">
      <alignment vertical="center"/>
    </xf>
    <xf numFmtId="178" fontId="2" fillId="2" borderId="11" xfId="1" applyNumberFormat="1" applyFont="1" applyFill="1" applyBorder="1" applyAlignment="1">
      <alignment vertical="center"/>
    </xf>
    <xf numFmtId="180" fontId="2" fillId="2" borderId="0" xfId="2" applyNumberFormat="1" applyFont="1" applyFill="1" applyAlignment="1">
      <alignment vertical="center"/>
    </xf>
    <xf numFmtId="176" fontId="2" fillId="2" borderId="12" xfId="2" applyFont="1" applyFill="1" applyBorder="1" applyAlignment="1">
      <alignment vertical="center"/>
    </xf>
    <xf numFmtId="177" fontId="2" fillId="2" borderId="13" xfId="2" applyNumberFormat="1" applyFont="1" applyFill="1" applyBorder="1" applyAlignment="1">
      <alignment vertical="center"/>
    </xf>
    <xf numFmtId="178" fontId="2" fillId="2" borderId="14" xfId="2" applyNumberFormat="1" applyFont="1" applyFill="1" applyBorder="1" applyAlignment="1">
      <alignment vertical="center"/>
    </xf>
    <xf numFmtId="178" fontId="2" fillId="2" borderId="14" xfId="1" applyNumberFormat="1" applyFont="1" applyFill="1" applyBorder="1" applyAlignment="1">
      <alignment vertical="center"/>
    </xf>
    <xf numFmtId="176" fontId="2" fillId="2" borderId="15" xfId="2" applyFont="1" applyFill="1" applyBorder="1" applyAlignment="1">
      <alignment vertical="center"/>
    </xf>
    <xf numFmtId="177" fontId="2" fillId="2" borderId="16" xfId="2" applyNumberFormat="1" applyFont="1" applyFill="1" applyBorder="1" applyAlignment="1">
      <alignment vertical="center"/>
    </xf>
    <xf numFmtId="178" fontId="2" fillId="2" borderId="17" xfId="2" applyNumberFormat="1" applyFont="1" applyFill="1" applyBorder="1" applyAlignment="1">
      <alignment vertical="center"/>
    </xf>
    <xf numFmtId="178" fontId="2" fillId="2" borderId="17" xfId="1" applyNumberFormat="1" applyFont="1" applyFill="1" applyBorder="1" applyAlignment="1">
      <alignment vertical="center"/>
    </xf>
    <xf numFmtId="177" fontId="2" fillId="2" borderId="10" xfId="2" applyNumberFormat="1" applyFont="1" applyFill="1" applyBorder="1" applyAlignment="1">
      <alignment horizontal="right" vertical="center"/>
    </xf>
    <xf numFmtId="178" fontId="2" fillId="2" borderId="11" xfId="2" applyNumberFormat="1" applyFont="1" applyFill="1" applyBorder="1" applyAlignment="1">
      <alignment horizontal="right" vertical="center"/>
    </xf>
    <xf numFmtId="176" fontId="2" fillId="2" borderId="18" xfId="2" applyNumberFormat="1" applyFont="1" applyFill="1" applyBorder="1" applyAlignment="1">
      <alignment horizontal="right" vertical="center"/>
    </xf>
    <xf numFmtId="176" fontId="2" fillId="2" borderId="11" xfId="2" applyNumberFormat="1" applyFont="1" applyFill="1" applyBorder="1" applyAlignment="1">
      <alignment horizontal="right" vertical="center"/>
    </xf>
    <xf numFmtId="176" fontId="2" fillId="2" borderId="19" xfId="2" applyNumberFormat="1" applyFont="1" applyFill="1" applyBorder="1" applyAlignment="1">
      <alignment horizontal="right" vertical="center"/>
    </xf>
    <xf numFmtId="176" fontId="2" fillId="2" borderId="10" xfId="2" applyNumberFormat="1" applyFont="1" applyFill="1" applyBorder="1" applyAlignment="1">
      <alignment horizontal="right" vertical="center"/>
    </xf>
    <xf numFmtId="176" fontId="2" fillId="2" borderId="5" xfId="2" applyFont="1" applyFill="1" applyBorder="1" applyAlignment="1">
      <alignment horizontal="left" vertical="center"/>
    </xf>
    <xf numFmtId="177" fontId="2" fillId="2" borderId="6" xfId="2" applyNumberFormat="1" applyFont="1" applyFill="1" applyBorder="1" applyAlignment="1">
      <alignment vertical="center"/>
    </xf>
    <xf numFmtId="178" fontId="2" fillId="2" borderId="7" xfId="2" applyNumberFormat="1" applyFont="1" applyFill="1" applyBorder="1" applyAlignment="1">
      <alignment vertical="center"/>
    </xf>
    <xf numFmtId="177" fontId="2" fillId="2" borderId="6" xfId="2" applyNumberFormat="1" applyFont="1" applyFill="1" applyBorder="1" applyAlignment="1">
      <alignment horizontal="right" vertical="center"/>
    </xf>
    <xf numFmtId="178" fontId="2" fillId="2" borderId="7" xfId="2" applyNumberFormat="1" applyFont="1" applyFill="1" applyBorder="1" applyAlignment="1">
      <alignment horizontal="right" vertical="center"/>
    </xf>
    <xf numFmtId="176" fontId="2" fillId="2" borderId="6" xfId="2" applyNumberFormat="1" applyFont="1" applyFill="1" applyBorder="1" applyAlignment="1">
      <alignment horizontal="right" vertical="center"/>
    </xf>
    <xf numFmtId="176" fontId="2" fillId="2" borderId="7" xfId="2" applyNumberFormat="1" applyFont="1" applyFill="1" applyBorder="1" applyAlignment="1">
      <alignment horizontal="right" vertical="center"/>
    </xf>
    <xf numFmtId="176" fontId="2" fillId="2" borderId="20" xfId="2" applyFont="1" applyFill="1" applyBorder="1" applyAlignment="1">
      <alignment vertical="center"/>
    </xf>
    <xf numFmtId="176" fontId="2" fillId="2" borderId="0" xfId="2" applyFont="1" applyFill="1" applyAlignment="1">
      <alignment vertical="center"/>
    </xf>
    <xf numFmtId="176" fontId="2" fillId="3" borderId="2" xfId="2" applyFont="1" applyFill="1" applyBorder="1" applyAlignment="1">
      <alignment horizontal="distributed" vertical="center" justifyLastLine="1"/>
    </xf>
    <xf numFmtId="176" fontId="2" fillId="3" borderId="5" xfId="2" applyFont="1" applyFill="1" applyBorder="1" applyAlignment="1">
      <alignment horizontal="distributed" vertical="center" indent="1"/>
    </xf>
    <xf numFmtId="176" fontId="2" fillId="3" borderId="3" xfId="2" quotePrefix="1" applyFont="1" applyFill="1" applyBorder="1" applyAlignment="1">
      <alignment horizontal="distributed" vertical="center" justifyLastLine="1" shrinkToFit="1"/>
    </xf>
    <xf numFmtId="176" fontId="2" fillId="3" borderId="4" xfId="2" quotePrefix="1" applyFont="1" applyFill="1" applyBorder="1" applyAlignment="1">
      <alignment horizontal="distributed" vertical="center" justifyLastLine="1" shrinkToFit="1"/>
    </xf>
    <xf numFmtId="176" fontId="2" fillId="3" borderId="4" xfId="2" quotePrefix="1" applyFont="1" applyFill="1" applyBorder="1" applyAlignment="1">
      <alignment horizontal="center" vertical="center" shrinkToFit="1"/>
    </xf>
  </cellXfs>
  <cellStyles count="4">
    <cellStyle name="パーセント" xfId="1" builtinId="5"/>
    <cellStyle name="パーセント 2" xfId="3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6"/>
  <sheetViews>
    <sheetView showGridLines="0" tabSelected="1" view="pageBreakPreview" zoomScaleNormal="100" zoomScaleSheetLayoutView="100" workbookViewId="0">
      <pane xSplit="1" ySplit="3" topLeftCell="B4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7.399999999999999" x14ac:dyDescent="0.2"/>
  <cols>
    <col min="1" max="1" width="9.21875" style="2" bestFit="1" customWidth="1"/>
    <col min="2" max="2" width="13.21875" style="2" bestFit="1" customWidth="1"/>
    <col min="3" max="3" width="9.44140625" style="2" bestFit="1" customWidth="1"/>
    <col min="4" max="4" width="13.21875" style="2" bestFit="1" customWidth="1"/>
    <col min="5" max="5" width="9.44140625" style="2" bestFit="1" customWidth="1"/>
    <col min="6" max="6" width="13.21875" style="2" bestFit="1" customWidth="1"/>
    <col min="7" max="7" width="9.44140625" style="2" bestFit="1" customWidth="1"/>
    <col min="8" max="8" width="13.21875" style="2" bestFit="1" customWidth="1"/>
    <col min="9" max="9" width="9.44140625" style="2" bestFit="1" customWidth="1"/>
    <col min="10" max="11" width="13.6640625" style="2" customWidth="1"/>
    <col min="12" max="16384" width="9" style="2"/>
  </cols>
  <sheetData>
    <row r="1" spans="1:12" ht="18" thickBot="1" x14ac:dyDescent="0.25">
      <c r="A1" s="1" t="s">
        <v>0</v>
      </c>
      <c r="B1" s="1"/>
      <c r="C1" s="1"/>
      <c r="D1" s="1"/>
      <c r="E1" s="1"/>
    </row>
    <row r="2" spans="1:12" ht="17.399999999999999" customHeight="1" x14ac:dyDescent="0.2">
      <c r="A2" s="42" t="s">
        <v>1</v>
      </c>
      <c r="B2" s="44" t="s">
        <v>2</v>
      </c>
      <c r="C2" s="45"/>
      <c r="D2" s="44" t="s">
        <v>3</v>
      </c>
      <c r="E2" s="45"/>
      <c r="F2" s="44" t="s">
        <v>4</v>
      </c>
      <c r="G2" s="45"/>
      <c r="H2" s="44" t="s">
        <v>5</v>
      </c>
      <c r="I2" s="46"/>
      <c r="J2" s="44" t="s">
        <v>6</v>
      </c>
      <c r="K2" s="46"/>
    </row>
    <row r="3" spans="1:12" ht="18" thickBot="1" x14ac:dyDescent="0.25">
      <c r="A3" s="43"/>
      <c r="B3" s="3" t="s">
        <v>7</v>
      </c>
      <c r="C3" s="4" t="s">
        <v>8</v>
      </c>
      <c r="D3" s="3" t="s">
        <v>7</v>
      </c>
      <c r="E3" s="4" t="s">
        <v>8</v>
      </c>
      <c r="F3" s="3" t="s">
        <v>7</v>
      </c>
      <c r="G3" s="4" t="s">
        <v>8</v>
      </c>
      <c r="H3" s="3" t="s">
        <v>7</v>
      </c>
      <c r="I3" s="5" t="s">
        <v>8</v>
      </c>
      <c r="J3" s="3" t="s">
        <v>7</v>
      </c>
      <c r="K3" s="5" t="s">
        <v>8</v>
      </c>
    </row>
    <row r="4" spans="1:12" x14ac:dyDescent="0.2">
      <c r="A4" s="6" t="s">
        <v>9</v>
      </c>
      <c r="B4" s="7">
        <f>SUM(B5:B6)</f>
        <v>244074</v>
      </c>
      <c r="C4" s="8">
        <v>0.03</v>
      </c>
      <c r="D4" s="7">
        <f>SUM(D5:D6)</f>
        <v>301665</v>
      </c>
      <c r="E4" s="8">
        <v>3.5532086711648571E-2</v>
      </c>
      <c r="F4" s="7">
        <f>SUM(F5:F6)</f>
        <v>329666</v>
      </c>
      <c r="G4" s="8">
        <v>2.9202202967219721E-2</v>
      </c>
      <c r="H4" s="7">
        <f>SUM(H5:H6)</f>
        <v>77912</v>
      </c>
      <c r="I4" s="9">
        <v>8.6106763460000006E-3</v>
      </c>
      <c r="J4" s="7">
        <f>SUM(J5:J6)</f>
        <v>111124</v>
      </c>
      <c r="K4" s="9">
        <v>1.21764E-2</v>
      </c>
    </row>
    <row r="5" spans="1:12" x14ac:dyDescent="0.2">
      <c r="A5" s="6" t="s">
        <v>10</v>
      </c>
      <c r="B5" s="7">
        <f>SUM(B7:B25)</f>
        <v>248358</v>
      </c>
      <c r="C5" s="8">
        <v>3.2000000000000001E-2</v>
      </c>
      <c r="D5" s="7">
        <f>SUM(D7:D25)</f>
        <v>304217</v>
      </c>
      <c r="E5" s="8">
        <v>3.7516705531653663E-2</v>
      </c>
      <c r="F5" s="7">
        <f>SUM(F7:F25)</f>
        <v>330029</v>
      </c>
      <c r="G5" s="8">
        <v>3.9228185518274089E-2</v>
      </c>
      <c r="H5" s="7">
        <f>SUM(H7:H25)</f>
        <v>89874</v>
      </c>
      <c r="I5" s="8">
        <v>1.0279469723000001E-2</v>
      </c>
      <c r="J5" s="7">
        <f>SUM(J7:J25)</f>
        <v>115492</v>
      </c>
      <c r="K5" s="8">
        <v>1.30751615743404E-2</v>
      </c>
    </row>
    <row r="6" spans="1:12" ht="18" thickBot="1" x14ac:dyDescent="0.25">
      <c r="A6" s="10" t="s">
        <v>11</v>
      </c>
      <c r="B6" s="11">
        <f>SUM(B26:B43)</f>
        <v>-4284</v>
      </c>
      <c r="C6" s="12">
        <v>-1.0999999999999999E-2</v>
      </c>
      <c r="D6" s="13">
        <f>SUM(D26:D43)</f>
        <v>-2552</v>
      </c>
      <c r="E6" s="12">
        <v>-6.6965632880335666E-3</v>
      </c>
      <c r="F6" s="11">
        <f>SUM(F26:F39)</f>
        <v>-363</v>
      </c>
      <c r="G6" s="12">
        <v>-0.19362602004020721</v>
      </c>
      <c r="H6" s="13">
        <f>SUM(H26:H39)</f>
        <v>-11962</v>
      </c>
      <c r="I6" s="12">
        <v>-3.9188321473999997E-2</v>
      </c>
      <c r="J6" s="13">
        <f>SUM(J26:J39)</f>
        <v>-4368</v>
      </c>
      <c r="K6" s="12">
        <v>-1.48935154561139E-2</v>
      </c>
    </row>
    <row r="7" spans="1:12" ht="18" thickTop="1" x14ac:dyDescent="0.2">
      <c r="A7" s="14" t="s">
        <v>12</v>
      </c>
      <c r="B7" s="15">
        <v>119515</v>
      </c>
      <c r="C7" s="16">
        <v>3.5999999999999997E-2</v>
      </c>
      <c r="D7" s="15">
        <v>152977</v>
      </c>
      <c r="E7" s="16">
        <v>4.4643297493675314E-2</v>
      </c>
      <c r="F7" s="15">
        <v>109145</v>
      </c>
      <c r="G7" s="16">
        <v>3.0490598464421443E-2</v>
      </c>
      <c r="H7" s="15">
        <v>36071</v>
      </c>
      <c r="I7" s="16">
        <v>9.7785903329999993E-3</v>
      </c>
      <c r="J7" s="15">
        <v>52647</v>
      </c>
      <c r="K7" s="17">
        <v>1.4134000000000001E-2</v>
      </c>
      <c r="L7" s="18"/>
    </row>
    <row r="8" spans="1:12" x14ac:dyDescent="0.2">
      <c r="A8" s="14" t="s">
        <v>13</v>
      </c>
      <c r="B8" s="15">
        <v>47085</v>
      </c>
      <c r="C8" s="16">
        <v>3.9E-2</v>
      </c>
      <c r="D8" s="15">
        <v>77106</v>
      </c>
      <c r="E8" s="16">
        <v>6.1689488401118486E-2</v>
      </c>
      <c r="F8" s="15">
        <v>98501</v>
      </c>
      <c r="G8" s="16">
        <v>7.4227719287933563E-2</v>
      </c>
      <c r="H8" s="15">
        <v>49701</v>
      </c>
      <c r="I8" s="16">
        <v>3.4865367671E-2</v>
      </c>
      <c r="J8" s="15">
        <v>63049</v>
      </c>
      <c r="K8" s="17">
        <v>4.2738900000000003E-2</v>
      </c>
      <c r="L8" s="18"/>
    </row>
    <row r="9" spans="1:12" x14ac:dyDescent="0.2">
      <c r="A9" s="14" t="s">
        <v>14</v>
      </c>
      <c r="B9" s="15">
        <v>34964</v>
      </c>
      <c r="C9" s="16">
        <v>6.0999999999999999E-2</v>
      </c>
      <c r="D9" s="15">
        <v>23179</v>
      </c>
      <c r="E9" s="16">
        <v>3.827955852747808E-2</v>
      </c>
      <c r="F9" s="15">
        <v>88846</v>
      </c>
      <c r="G9" s="16">
        <v>0.14131745289471256</v>
      </c>
      <c r="H9" s="15">
        <v>3265</v>
      </c>
      <c r="I9" s="16">
        <v>4.5504275170000002E-3</v>
      </c>
      <c r="J9" s="15">
        <v>4714</v>
      </c>
      <c r="K9" s="17">
        <v>6.5401000000000001E-3</v>
      </c>
      <c r="L9" s="18"/>
    </row>
    <row r="10" spans="1:12" x14ac:dyDescent="0.2">
      <c r="A10" s="14" t="s">
        <v>15</v>
      </c>
      <c r="B10" s="15">
        <v>-3548</v>
      </c>
      <c r="C10" s="16">
        <v>-8.0000000000000002E-3</v>
      </c>
      <c r="D10" s="15">
        <v>-2467</v>
      </c>
      <c r="E10" s="16">
        <v>-5.7553453323846071E-3</v>
      </c>
      <c r="F10" s="15">
        <v>-7853</v>
      </c>
      <c r="G10" s="16">
        <v>-1.842657293431383E-2</v>
      </c>
      <c r="H10" s="15">
        <v>-11739</v>
      </c>
      <c r="I10" s="16">
        <v>-2.8061913583999998E-2</v>
      </c>
      <c r="J10" s="15">
        <v>-18508</v>
      </c>
      <c r="K10" s="17">
        <v>-4.5520499999999998E-2</v>
      </c>
      <c r="L10" s="18"/>
    </row>
    <row r="11" spans="1:12" x14ac:dyDescent="0.2">
      <c r="A11" s="14" t="s">
        <v>16</v>
      </c>
      <c r="B11" s="15">
        <v>811</v>
      </c>
      <c r="C11" s="16">
        <v>3.0000000000000001E-3</v>
      </c>
      <c r="D11" s="15">
        <v>4325</v>
      </c>
      <c r="E11" s="16">
        <v>1.6985229722777488E-2</v>
      </c>
      <c r="F11" s="15">
        <v>1822</v>
      </c>
      <c r="G11" s="16">
        <v>7.0358899898825293E-3</v>
      </c>
      <c r="H11" s="15">
        <v>-2553</v>
      </c>
      <c r="I11" s="16">
        <v>-9.7898611859999988E-3</v>
      </c>
      <c r="J11" s="15">
        <v>195</v>
      </c>
      <c r="K11" s="17">
        <v>7.5509999999999998E-4</v>
      </c>
      <c r="L11" s="18"/>
    </row>
    <row r="12" spans="1:12" x14ac:dyDescent="0.2">
      <c r="A12" s="14" t="s">
        <v>17</v>
      </c>
      <c r="B12" s="15">
        <v>-2746</v>
      </c>
      <c r="C12" s="16">
        <v>-1.6E-2</v>
      </c>
      <c r="D12" s="15">
        <v>3575</v>
      </c>
      <c r="E12" s="16">
        <v>2.1332712745326197E-2</v>
      </c>
      <c r="F12" s="15">
        <v>3156</v>
      </c>
      <c r="G12" s="16">
        <v>1.8439103050982134E-2</v>
      </c>
      <c r="H12" s="15">
        <v>-1295</v>
      </c>
      <c r="I12" s="16">
        <v>-7.4291221590000005E-3</v>
      </c>
      <c r="J12" s="15">
        <v>-309</v>
      </c>
      <c r="K12" s="17">
        <v>-1.7859E-3</v>
      </c>
      <c r="L12" s="18"/>
    </row>
    <row r="13" spans="1:12" x14ac:dyDescent="0.2">
      <c r="A13" s="14" t="s">
        <v>18</v>
      </c>
      <c r="B13" s="15">
        <v>10534</v>
      </c>
      <c r="C13" s="16">
        <v>2.9000000000000001E-2</v>
      </c>
      <c r="D13" s="15">
        <v>16829</v>
      </c>
      <c r="E13" s="16">
        <v>4.4382029879873941E-2</v>
      </c>
      <c r="F13" s="15">
        <v>13643</v>
      </c>
      <c r="G13" s="16">
        <v>3.44508022443651E-2</v>
      </c>
      <c r="H13" s="15">
        <v>14237</v>
      </c>
      <c r="I13" s="16">
        <v>3.4753464483999998E-2</v>
      </c>
      <c r="J13" s="15">
        <v>13011</v>
      </c>
      <c r="K13" s="17">
        <v>3.0693999999999999E-2</v>
      </c>
      <c r="L13" s="18"/>
    </row>
    <row r="14" spans="1:12" x14ac:dyDescent="0.2">
      <c r="A14" s="14" t="s">
        <v>19</v>
      </c>
      <c r="B14" s="15">
        <v>70</v>
      </c>
      <c r="C14" s="16">
        <v>0</v>
      </c>
      <c r="D14" s="15">
        <v>-1432</v>
      </c>
      <c r="E14" s="16">
        <v>-7.1538119526609479E-3</v>
      </c>
      <c r="F14" s="15">
        <v>-414</v>
      </c>
      <c r="G14" s="16">
        <v>-2.0831131975787582E-3</v>
      </c>
      <c r="H14" s="15">
        <v>-4241</v>
      </c>
      <c r="I14" s="16">
        <v>-2.1383876123999997E-2</v>
      </c>
      <c r="J14" s="15">
        <v>-5230</v>
      </c>
      <c r="K14" s="17">
        <v>-2.69468E-2</v>
      </c>
      <c r="L14" s="18"/>
    </row>
    <row r="15" spans="1:12" x14ac:dyDescent="0.2">
      <c r="A15" s="14" t="s">
        <v>20</v>
      </c>
      <c r="B15" s="15">
        <v>7935</v>
      </c>
      <c r="C15" s="16">
        <v>3.6999999999999998E-2</v>
      </c>
      <c r="D15" s="15">
        <v>7611</v>
      </c>
      <c r="E15" s="16">
        <v>3.4468703721315705E-2</v>
      </c>
      <c r="F15" s="15">
        <v>6661</v>
      </c>
      <c r="G15" s="16">
        <v>2.9161194291217933E-2</v>
      </c>
      <c r="H15" s="15">
        <v>4267</v>
      </c>
      <c r="I15" s="16">
        <v>1.8151190441000001E-2</v>
      </c>
      <c r="J15" s="15">
        <v>3041</v>
      </c>
      <c r="K15" s="17">
        <v>1.2705299999999999E-2</v>
      </c>
      <c r="L15" s="18"/>
    </row>
    <row r="16" spans="1:12" x14ac:dyDescent="0.2">
      <c r="A16" s="14" t="s">
        <v>21</v>
      </c>
      <c r="B16" s="15">
        <v>703</v>
      </c>
      <c r="C16" s="16">
        <v>1.2E-2</v>
      </c>
      <c r="D16" s="15">
        <v>752</v>
      </c>
      <c r="E16" s="16">
        <v>1.3128262425586146E-2</v>
      </c>
      <c r="F16" s="15">
        <v>269</v>
      </c>
      <c r="G16" s="16">
        <v>4.6352937121982322E-3</v>
      </c>
      <c r="H16" s="15">
        <v>-877</v>
      </c>
      <c r="I16" s="16">
        <v>-1.5042365613999999E-2</v>
      </c>
      <c r="J16" s="15">
        <v>-365</v>
      </c>
      <c r="K16" s="17">
        <v>-6.3560999999999999E-3</v>
      </c>
      <c r="L16" s="18"/>
    </row>
    <row r="17" spans="1:12" x14ac:dyDescent="0.2">
      <c r="A17" s="14" t="s">
        <v>22</v>
      </c>
      <c r="B17" s="15">
        <v>-1899</v>
      </c>
      <c r="C17" s="16">
        <v>-3.5000000000000003E-2</v>
      </c>
      <c r="D17" s="15">
        <v>-2392</v>
      </c>
      <c r="E17" s="16">
        <v>-4.5777275945878708E-2</v>
      </c>
      <c r="F17" s="15">
        <v>-1509</v>
      </c>
      <c r="G17" s="16">
        <v>-3.0264134293335472E-2</v>
      </c>
      <c r="H17" s="15">
        <v>-3063</v>
      </c>
      <c r="I17" s="16">
        <v>-6.3347948378999999E-2</v>
      </c>
      <c r="J17" s="15">
        <v>-3220</v>
      </c>
      <c r="K17" s="17">
        <v>-7.1098900000000007E-2</v>
      </c>
      <c r="L17" s="18"/>
    </row>
    <row r="18" spans="1:12" x14ac:dyDescent="0.2">
      <c r="A18" s="14" t="s">
        <v>23</v>
      </c>
      <c r="B18" s="15">
        <v>3420</v>
      </c>
      <c r="C18" s="16">
        <v>2.1000000000000001E-2</v>
      </c>
      <c r="D18" s="15">
        <v>175</v>
      </c>
      <c r="E18" s="16">
        <v>1.040786953884217E-3</v>
      </c>
      <c r="F18" s="15">
        <v>1828</v>
      </c>
      <c r="G18" s="16">
        <v>1.0860459727775567E-2</v>
      </c>
      <c r="H18" s="15">
        <v>-2767</v>
      </c>
      <c r="I18" s="16">
        <v>-1.6262599547E-2</v>
      </c>
      <c r="J18" s="15">
        <v>-4939</v>
      </c>
      <c r="K18" s="17">
        <v>-2.9508099999999999E-2</v>
      </c>
      <c r="L18" s="18"/>
    </row>
    <row r="19" spans="1:12" x14ac:dyDescent="0.2">
      <c r="A19" s="14" t="s">
        <v>24</v>
      </c>
      <c r="B19" s="15">
        <v>8742</v>
      </c>
      <c r="C19" s="16">
        <v>4.2000000000000003E-2</v>
      </c>
      <c r="D19" s="15">
        <v>5034</v>
      </c>
      <c r="E19" s="16">
        <v>2.3158776090426877E-2</v>
      </c>
      <c r="F19" s="15">
        <v>2017</v>
      </c>
      <c r="G19" s="16">
        <v>9.0691222690341411E-3</v>
      </c>
      <c r="H19" s="15">
        <v>1294</v>
      </c>
      <c r="I19" s="16">
        <v>5.7659745120000007E-3</v>
      </c>
      <c r="J19" s="15">
        <v>-2009</v>
      </c>
      <c r="K19" s="17">
        <v>-8.9005999999999998E-3</v>
      </c>
      <c r="L19" s="18"/>
    </row>
    <row r="20" spans="1:12" x14ac:dyDescent="0.2">
      <c r="A20" s="14" t="s">
        <v>25</v>
      </c>
      <c r="B20" s="15">
        <v>8828</v>
      </c>
      <c r="C20" s="16">
        <v>4.2999999999999997E-2</v>
      </c>
      <c r="D20" s="15">
        <v>8459</v>
      </c>
      <c r="E20" s="16">
        <v>3.9758226366674344E-2</v>
      </c>
      <c r="F20" s="15">
        <v>6966</v>
      </c>
      <c r="G20" s="16">
        <v>3.1489015459723352E-2</v>
      </c>
      <c r="H20" s="15">
        <v>4736</v>
      </c>
      <c r="I20" s="16">
        <v>2.0754998115999998E-2</v>
      </c>
      <c r="J20" s="15">
        <v>6247</v>
      </c>
      <c r="K20" s="17">
        <v>2.6820099999999999E-2</v>
      </c>
      <c r="L20" s="18"/>
    </row>
    <row r="21" spans="1:12" x14ac:dyDescent="0.2">
      <c r="A21" s="14" t="s">
        <v>26</v>
      </c>
      <c r="B21" s="15">
        <v>1421</v>
      </c>
      <c r="C21" s="16">
        <v>1.4E-2</v>
      </c>
      <c r="D21" s="15">
        <v>1035</v>
      </c>
      <c r="E21" s="16">
        <v>1.0397412199630314E-2</v>
      </c>
      <c r="F21" s="15">
        <v>460</v>
      </c>
      <c r="G21" s="16">
        <v>4.5735193231191398E-3</v>
      </c>
      <c r="H21" s="15">
        <v>475</v>
      </c>
      <c r="I21" s="16">
        <v>4.7011550000000003E-3</v>
      </c>
      <c r="J21" s="15">
        <v>266</v>
      </c>
      <c r="K21" s="17">
        <v>2.6202999999999999E-3</v>
      </c>
      <c r="L21" s="18"/>
    </row>
    <row r="22" spans="1:12" x14ac:dyDescent="0.2">
      <c r="A22" s="14" t="s">
        <v>27</v>
      </c>
      <c r="B22" s="15">
        <v>4089</v>
      </c>
      <c r="C22" s="16">
        <v>3.5999999999999997E-2</v>
      </c>
      <c r="D22" s="15">
        <v>6245</v>
      </c>
      <c r="E22" s="16">
        <v>5.3140343263642476E-2</v>
      </c>
      <c r="F22" s="15">
        <v>3943</v>
      </c>
      <c r="G22" s="16">
        <v>3.1859022009631234E-2</v>
      </c>
      <c r="H22" s="15">
        <v>2483</v>
      </c>
      <c r="I22" s="16">
        <v>1.9442943613000002E-2</v>
      </c>
      <c r="J22" s="15">
        <v>6326</v>
      </c>
      <c r="K22" s="17">
        <v>4.8590500000000002E-2</v>
      </c>
      <c r="L22" s="18"/>
    </row>
    <row r="23" spans="1:12" x14ac:dyDescent="0.2">
      <c r="A23" s="14" t="s">
        <v>28</v>
      </c>
      <c r="B23" s="15">
        <v>7535</v>
      </c>
      <c r="C23" s="16">
        <v>6.4000000000000001E-2</v>
      </c>
      <c r="D23" s="15">
        <v>2480</v>
      </c>
      <c r="E23" s="16">
        <v>1.9730456505481567E-2</v>
      </c>
      <c r="F23" s="15">
        <v>1262</v>
      </c>
      <c r="G23" s="16">
        <v>9.8459906065192625E-3</v>
      </c>
      <c r="H23" s="15">
        <v>-699</v>
      </c>
      <c r="I23" s="16">
        <v>-5.4003522979999994E-3</v>
      </c>
      <c r="J23" s="15">
        <v>3588</v>
      </c>
      <c r="K23" s="17">
        <v>2.7870800000000001E-2</v>
      </c>
      <c r="L23" s="18"/>
    </row>
    <row r="24" spans="1:12" x14ac:dyDescent="0.2">
      <c r="A24" s="14" t="s">
        <v>29</v>
      </c>
      <c r="B24" s="15">
        <v>560</v>
      </c>
      <c r="C24" s="16">
        <v>1.2999999999999999E-2</v>
      </c>
      <c r="D24" s="15">
        <v>-22</v>
      </c>
      <c r="E24" s="16">
        <v>-4.9823353564634482E-4</v>
      </c>
      <c r="F24" s="15">
        <v>-114</v>
      </c>
      <c r="G24" s="16">
        <v>-2.583042552227308E-3</v>
      </c>
      <c r="H24" s="15">
        <v>-714</v>
      </c>
      <c r="I24" s="16">
        <v>-1.6219900044999999E-2</v>
      </c>
      <c r="J24" s="15">
        <v>-2465</v>
      </c>
      <c r="K24" s="17">
        <v>-5.6920499999999999E-2</v>
      </c>
      <c r="L24" s="18"/>
    </row>
    <row r="25" spans="1:12" ht="18" thickBot="1" x14ac:dyDescent="0.25">
      <c r="A25" s="19" t="s">
        <v>30</v>
      </c>
      <c r="B25" s="20">
        <v>339</v>
      </c>
      <c r="C25" s="21">
        <v>4.0000000000000001E-3</v>
      </c>
      <c r="D25" s="20">
        <v>748</v>
      </c>
      <c r="E25" s="21">
        <v>9.2324022760093306E-3</v>
      </c>
      <c r="F25" s="20">
        <v>1400</v>
      </c>
      <c r="G25" s="21">
        <v>1.7121821761835458E-2</v>
      </c>
      <c r="H25" s="20">
        <v>1293</v>
      </c>
      <c r="I25" s="21">
        <v>1.5547031875999999E-2</v>
      </c>
      <c r="J25" s="20">
        <v>-547</v>
      </c>
      <c r="K25" s="22">
        <v>-6.4764000000000002E-3</v>
      </c>
      <c r="L25" s="18"/>
    </row>
    <row r="26" spans="1:12" ht="18" thickTop="1" x14ac:dyDescent="0.2">
      <c r="A26" s="23" t="s">
        <v>31</v>
      </c>
      <c r="B26" s="24">
        <v>530</v>
      </c>
      <c r="C26" s="25">
        <v>1.7999999999999999E-2</v>
      </c>
      <c r="D26" s="24">
        <v>1118</v>
      </c>
      <c r="E26" s="25">
        <v>3.6760595797849606E-2</v>
      </c>
      <c r="F26" s="24">
        <v>1235</v>
      </c>
      <c r="G26" s="25">
        <v>3.9167803114395355E-2</v>
      </c>
      <c r="H26" s="24">
        <v>-670</v>
      </c>
      <c r="I26" s="25">
        <v>-2.0448025392E-2</v>
      </c>
      <c r="J26" s="24">
        <v>-431</v>
      </c>
      <c r="K26" s="26">
        <v>-1.3428499999999999E-2</v>
      </c>
      <c r="L26" s="18"/>
    </row>
    <row r="27" spans="1:12" x14ac:dyDescent="0.2">
      <c r="A27" s="14" t="s">
        <v>32</v>
      </c>
      <c r="B27" s="15">
        <v>-1069</v>
      </c>
      <c r="C27" s="16">
        <v>-2.3E-2</v>
      </c>
      <c r="D27" s="15">
        <v>1088</v>
      </c>
      <c r="E27" s="16">
        <v>2.346395220945028E-2</v>
      </c>
      <c r="F27" s="15">
        <v>215</v>
      </c>
      <c r="G27" s="16">
        <v>4.5304170090819055E-3</v>
      </c>
      <c r="H27" s="15">
        <v>264</v>
      </c>
      <c r="I27" s="16">
        <v>5.5378419199999997E-3</v>
      </c>
      <c r="J27" s="15">
        <v>412</v>
      </c>
      <c r="K27" s="17">
        <v>8.5947999999999997E-3</v>
      </c>
      <c r="L27" s="18"/>
    </row>
    <row r="28" spans="1:12" x14ac:dyDescent="0.2">
      <c r="A28" s="14" t="s">
        <v>33</v>
      </c>
      <c r="B28" s="15">
        <v>-26</v>
      </c>
      <c r="C28" s="16">
        <v>-1E-3</v>
      </c>
      <c r="D28" s="15">
        <v>331</v>
      </c>
      <c r="E28" s="16">
        <v>1.0260702439629251E-2</v>
      </c>
      <c r="F28" s="15">
        <v>442</v>
      </c>
      <c r="G28" s="16">
        <v>1.3562442467014421E-2</v>
      </c>
      <c r="H28" s="15">
        <v>-1482</v>
      </c>
      <c r="I28" s="16">
        <v>-4.4865584887000001E-2</v>
      </c>
      <c r="J28" s="15">
        <v>84</v>
      </c>
      <c r="K28" s="17">
        <v>2.6624000000000001E-3</v>
      </c>
      <c r="L28" s="18"/>
    </row>
    <row r="29" spans="1:12" x14ac:dyDescent="0.2">
      <c r="A29" s="14" t="s">
        <v>34</v>
      </c>
      <c r="B29" s="15">
        <v>226</v>
      </c>
      <c r="C29" s="16">
        <v>7.0000000000000001E-3</v>
      </c>
      <c r="D29" s="15">
        <v>-555</v>
      </c>
      <c r="E29" s="16">
        <v>-1.8018310499318225E-2</v>
      </c>
      <c r="F29" s="15">
        <v>-725</v>
      </c>
      <c r="G29" s="16">
        <v>-2.3969319271332695E-2</v>
      </c>
      <c r="H29" s="15">
        <v>-1144</v>
      </c>
      <c r="I29" s="16">
        <v>-3.8750762143000002E-2</v>
      </c>
      <c r="J29" s="15">
        <v>-814</v>
      </c>
      <c r="K29" s="17">
        <v>-2.86842E-2</v>
      </c>
      <c r="L29" s="18"/>
    </row>
    <row r="30" spans="1:12" x14ac:dyDescent="0.2">
      <c r="A30" s="14" t="s">
        <v>35</v>
      </c>
      <c r="B30" s="15">
        <v>-176</v>
      </c>
      <c r="C30" s="16">
        <v>-1.7000000000000001E-2</v>
      </c>
      <c r="D30" s="15">
        <v>-49</v>
      </c>
      <c r="E30" s="16">
        <v>-4.7935824691841128E-3</v>
      </c>
      <c r="F30" s="15">
        <v>-163</v>
      </c>
      <c r="G30" s="16">
        <v>-1.6022805465447754E-2</v>
      </c>
      <c r="H30" s="15">
        <v>-331</v>
      </c>
      <c r="I30" s="16">
        <v>-3.3066933067000003E-2</v>
      </c>
      <c r="J30" s="15">
        <v>-379</v>
      </c>
      <c r="K30" s="17">
        <v>-3.9156900000000001E-2</v>
      </c>
      <c r="L30" s="18"/>
    </row>
    <row r="31" spans="1:12" x14ac:dyDescent="0.2">
      <c r="A31" s="14" t="s">
        <v>36</v>
      </c>
      <c r="B31" s="15">
        <v>983</v>
      </c>
      <c r="C31" s="16">
        <v>6.3E-2</v>
      </c>
      <c r="D31" s="15">
        <v>948</v>
      </c>
      <c r="E31" s="16">
        <v>5.7170425762875406E-2</v>
      </c>
      <c r="F31" s="15">
        <v>442</v>
      </c>
      <c r="G31" s="16">
        <v>2.5213918996006845E-2</v>
      </c>
      <c r="H31" s="15">
        <v>-939</v>
      </c>
      <c r="I31" s="16">
        <v>-5.2247941241999996E-2</v>
      </c>
      <c r="J31" s="15">
        <v>96</v>
      </c>
      <c r="K31" s="17">
        <v>5.6360999999999998E-3</v>
      </c>
      <c r="L31" s="18"/>
    </row>
    <row r="32" spans="1:12" x14ac:dyDescent="0.2">
      <c r="A32" s="14" t="s">
        <v>37</v>
      </c>
      <c r="B32" s="15">
        <v>-283</v>
      </c>
      <c r="C32" s="16">
        <v>-2.1000000000000001E-2</v>
      </c>
      <c r="D32" s="15">
        <v>-588</v>
      </c>
      <c r="E32" s="16">
        <v>-4.5276045276045278E-2</v>
      </c>
      <c r="F32" s="15">
        <v>-723</v>
      </c>
      <c r="G32" s="16">
        <v>-5.8311154125332686E-2</v>
      </c>
      <c r="H32" s="15">
        <v>-505</v>
      </c>
      <c r="I32" s="16">
        <v>-4.3251113395000006E-2</v>
      </c>
      <c r="J32" s="15">
        <v>-335</v>
      </c>
      <c r="K32" s="17">
        <v>-2.9988399999999998E-2</v>
      </c>
      <c r="L32" s="18"/>
    </row>
    <row r="33" spans="1:12" x14ac:dyDescent="0.2">
      <c r="A33" s="14" t="s">
        <v>38</v>
      </c>
      <c r="B33" s="15">
        <v>-735</v>
      </c>
      <c r="C33" s="16">
        <v>-5.0999999999999997E-2</v>
      </c>
      <c r="D33" s="15">
        <v>-950</v>
      </c>
      <c r="E33" s="16">
        <v>-6.9827269386255053E-2</v>
      </c>
      <c r="F33" s="15">
        <v>-891</v>
      </c>
      <c r="G33" s="16">
        <v>-7.0406953773212169E-2</v>
      </c>
      <c r="H33" s="15">
        <v>-1040</v>
      </c>
      <c r="I33" s="16">
        <v>-8.8405304317999991E-2</v>
      </c>
      <c r="J33" s="15">
        <v>-963</v>
      </c>
      <c r="K33" s="17">
        <v>-8.9798600000000006E-2</v>
      </c>
      <c r="L33" s="18"/>
    </row>
    <row r="34" spans="1:12" x14ac:dyDescent="0.2">
      <c r="A34" s="14" t="s">
        <v>39</v>
      </c>
      <c r="B34" s="15">
        <v>698</v>
      </c>
      <c r="C34" s="16">
        <v>5.5E-2</v>
      </c>
      <c r="D34" s="15">
        <v>1727</v>
      </c>
      <c r="E34" s="16">
        <v>0.12891908032248434</v>
      </c>
      <c r="F34" s="15">
        <v>1246</v>
      </c>
      <c r="G34" s="16">
        <v>8.2391059974872713E-2</v>
      </c>
      <c r="H34" s="15">
        <v>644</v>
      </c>
      <c r="I34" s="16">
        <v>3.9342659905999999E-2</v>
      </c>
      <c r="J34" s="15">
        <v>1316</v>
      </c>
      <c r="K34" s="17">
        <v>7.7352599999999994E-2</v>
      </c>
      <c r="L34" s="18"/>
    </row>
    <row r="35" spans="1:12" x14ac:dyDescent="0.2">
      <c r="A35" s="14" t="s">
        <v>40</v>
      </c>
      <c r="B35" s="15">
        <v>-2582</v>
      </c>
      <c r="C35" s="16">
        <v>-0.14000000000000001</v>
      </c>
      <c r="D35" s="15">
        <v>-1623</v>
      </c>
      <c r="E35" s="16">
        <v>-0.10253332490997537</v>
      </c>
      <c r="F35" s="15">
        <v>-353</v>
      </c>
      <c r="G35" s="16">
        <v>-2.4848655497677039E-2</v>
      </c>
      <c r="H35" s="15">
        <v>-2067</v>
      </c>
      <c r="I35" s="16">
        <v>-0.14920955749699999</v>
      </c>
      <c r="J35" s="15">
        <v>-493</v>
      </c>
      <c r="K35" s="17">
        <v>-4.18293E-2</v>
      </c>
      <c r="L35" s="18"/>
    </row>
    <row r="36" spans="1:12" x14ac:dyDescent="0.2">
      <c r="A36" s="14" t="s">
        <v>41</v>
      </c>
      <c r="B36" s="15">
        <v>-531</v>
      </c>
      <c r="C36" s="16">
        <v>-5.5E-2</v>
      </c>
      <c r="D36" s="15">
        <v>-361</v>
      </c>
      <c r="E36" s="16">
        <v>-3.9779614325068872E-2</v>
      </c>
      <c r="F36" s="15">
        <v>-502</v>
      </c>
      <c r="G36" s="16">
        <v>-5.7608446178563234E-2</v>
      </c>
      <c r="H36" s="15">
        <v>-879</v>
      </c>
      <c r="I36" s="16">
        <v>-0.10703848027299999</v>
      </c>
      <c r="J36" s="15">
        <v>-611</v>
      </c>
      <c r="K36" s="17">
        <v>-8.3321999999999993E-2</v>
      </c>
      <c r="L36" s="18"/>
    </row>
    <row r="37" spans="1:12" x14ac:dyDescent="0.2">
      <c r="A37" s="14" t="s">
        <v>42</v>
      </c>
      <c r="B37" s="15">
        <v>-668</v>
      </c>
      <c r="C37" s="16">
        <v>-2.4E-2</v>
      </c>
      <c r="D37" s="15">
        <v>-291</v>
      </c>
      <c r="E37" s="16">
        <v>-1.049745680170268E-2</v>
      </c>
      <c r="F37" s="15">
        <v>-582</v>
      </c>
      <c r="G37" s="16">
        <v>-2.1217644914327378E-2</v>
      </c>
      <c r="H37" s="15">
        <v>-1822</v>
      </c>
      <c r="I37" s="16">
        <v>-6.7863528009999993E-2</v>
      </c>
      <c r="J37" s="15">
        <v>-1600</v>
      </c>
      <c r="K37" s="17">
        <v>-6.3933500000000004E-2</v>
      </c>
      <c r="L37" s="18"/>
    </row>
    <row r="38" spans="1:12" x14ac:dyDescent="0.2">
      <c r="A38" s="14" t="s">
        <v>43</v>
      </c>
      <c r="B38" s="15">
        <v>-328</v>
      </c>
      <c r="C38" s="16">
        <v>-8.0000000000000002E-3</v>
      </c>
      <c r="D38" s="15">
        <v>-715</v>
      </c>
      <c r="E38" s="16">
        <v>-1.6721234798877455E-2</v>
      </c>
      <c r="F38" s="15">
        <v>44</v>
      </c>
      <c r="G38" s="16">
        <v>1.0464977999762159E-3</v>
      </c>
      <c r="H38" s="15">
        <v>-1746</v>
      </c>
      <c r="I38" s="16">
        <v>-4.1483523011000001E-2</v>
      </c>
      <c r="J38" s="15">
        <v>-474</v>
      </c>
      <c r="K38" s="17">
        <v>-1.1749300000000001E-2</v>
      </c>
      <c r="L38" s="18"/>
    </row>
    <row r="39" spans="1:12" x14ac:dyDescent="0.2">
      <c r="A39" s="14" t="s">
        <v>44</v>
      </c>
      <c r="B39" s="15">
        <v>4</v>
      </c>
      <c r="C39" s="16">
        <v>1E-3</v>
      </c>
      <c r="D39" s="15">
        <v>25</v>
      </c>
      <c r="E39" s="16">
        <v>7.1797817346352672E-3</v>
      </c>
      <c r="F39" s="15">
        <v>-48</v>
      </c>
      <c r="G39" s="16">
        <v>-1.3686911890504704E-2</v>
      </c>
      <c r="H39" s="15">
        <v>-245</v>
      </c>
      <c r="I39" s="16">
        <v>-7.0829719572000002E-2</v>
      </c>
      <c r="J39" s="15">
        <v>-176</v>
      </c>
      <c r="K39" s="17">
        <v>-5.4760400000000001E-2</v>
      </c>
      <c r="L39" s="18"/>
    </row>
    <row r="40" spans="1:12" x14ac:dyDescent="0.2">
      <c r="A40" s="14" t="s">
        <v>45</v>
      </c>
      <c r="B40" s="15">
        <v>304</v>
      </c>
      <c r="C40" s="16">
        <v>1.2999999999999999E-2</v>
      </c>
      <c r="D40" s="15">
        <v>31</v>
      </c>
      <c r="E40" s="16">
        <v>1.3457197430109394E-3</v>
      </c>
      <c r="F40" s="27" t="s">
        <v>46</v>
      </c>
      <c r="G40" s="28" t="s">
        <v>46</v>
      </c>
      <c r="H40" s="29" t="s">
        <v>46</v>
      </c>
      <c r="I40" s="30" t="s">
        <v>46</v>
      </c>
      <c r="J40" s="29" t="s">
        <v>46</v>
      </c>
      <c r="K40" s="30" t="s">
        <v>46</v>
      </c>
    </row>
    <row r="41" spans="1:12" x14ac:dyDescent="0.2">
      <c r="A41" s="14" t="s">
        <v>47</v>
      </c>
      <c r="B41" s="15">
        <v>-103</v>
      </c>
      <c r="C41" s="16">
        <v>-3.0000000000000001E-3</v>
      </c>
      <c r="D41" s="15">
        <v>-1650</v>
      </c>
      <c r="E41" s="16">
        <v>-5.4374691052891742E-2</v>
      </c>
      <c r="F41" s="27" t="s">
        <v>46</v>
      </c>
      <c r="G41" s="28" t="s">
        <v>46</v>
      </c>
      <c r="H41" s="29" t="s">
        <v>46</v>
      </c>
      <c r="I41" s="31" t="s">
        <v>46</v>
      </c>
      <c r="J41" s="29" t="s">
        <v>46</v>
      </c>
      <c r="K41" s="31" t="s">
        <v>46</v>
      </c>
    </row>
    <row r="42" spans="1:12" x14ac:dyDescent="0.2">
      <c r="A42" s="14" t="s">
        <v>48</v>
      </c>
      <c r="B42" s="15">
        <v>-367</v>
      </c>
      <c r="C42" s="16">
        <v>-3.3000000000000002E-2</v>
      </c>
      <c r="D42" s="15">
        <v>-549</v>
      </c>
      <c r="E42" s="16">
        <v>-5.0385462555066082E-2</v>
      </c>
      <c r="F42" s="27" t="s">
        <v>46</v>
      </c>
      <c r="G42" s="28" t="s">
        <v>46</v>
      </c>
      <c r="H42" s="32" t="s">
        <v>46</v>
      </c>
      <c r="I42" s="30" t="s">
        <v>46</v>
      </c>
      <c r="J42" s="32" t="s">
        <v>46</v>
      </c>
      <c r="K42" s="30" t="s">
        <v>46</v>
      </c>
    </row>
    <row r="43" spans="1:12" ht="18" thickBot="1" x14ac:dyDescent="0.25">
      <c r="A43" s="33" t="s">
        <v>49</v>
      </c>
      <c r="B43" s="34">
        <v>-161</v>
      </c>
      <c r="C43" s="35">
        <v>-1.4E-2</v>
      </c>
      <c r="D43" s="34">
        <v>-489</v>
      </c>
      <c r="E43" s="35">
        <v>-4.3228429985855729E-2</v>
      </c>
      <c r="F43" s="36" t="s">
        <v>46</v>
      </c>
      <c r="G43" s="37" t="s">
        <v>46</v>
      </c>
      <c r="H43" s="38" t="s">
        <v>46</v>
      </c>
      <c r="I43" s="39" t="s">
        <v>46</v>
      </c>
      <c r="J43" s="38" t="s">
        <v>46</v>
      </c>
      <c r="K43" s="39" t="s">
        <v>46</v>
      </c>
    </row>
    <row r="44" spans="1:12" x14ac:dyDescent="0.2">
      <c r="A44" s="40" t="s">
        <v>50</v>
      </c>
      <c r="B44" s="40"/>
      <c r="C44" s="40"/>
      <c r="D44" s="40"/>
      <c r="E44" s="40"/>
      <c r="F44" s="40"/>
      <c r="G44" s="40"/>
      <c r="H44" s="40"/>
      <c r="I44" s="40"/>
    </row>
    <row r="45" spans="1:12" x14ac:dyDescent="0.2">
      <c r="A45" s="41" t="s">
        <v>51</v>
      </c>
      <c r="B45" s="41"/>
      <c r="C45" s="41"/>
      <c r="D45" s="41"/>
      <c r="E45" s="41"/>
      <c r="F45" s="41"/>
      <c r="G45" s="41"/>
      <c r="H45" s="41"/>
      <c r="I45" s="41"/>
    </row>
    <row r="46" spans="1:12" x14ac:dyDescent="0.2">
      <c r="A46" s="41" t="s">
        <v>52</v>
      </c>
      <c r="B46" s="41"/>
      <c r="C46" s="41"/>
      <c r="D46" s="41"/>
      <c r="E46" s="41"/>
      <c r="F46" s="41"/>
      <c r="G46" s="41"/>
      <c r="H46" s="41"/>
      <c r="I46" s="41"/>
    </row>
  </sheetData>
  <mergeCells count="9">
    <mergeCell ref="J2:K2"/>
    <mergeCell ref="A44:I44"/>
    <mergeCell ref="A45:I45"/>
    <mergeCell ref="A46:I46"/>
    <mergeCell ref="A2:A3"/>
    <mergeCell ref="B2:C2"/>
    <mergeCell ref="D2:E2"/>
    <mergeCell ref="F2:G2"/>
    <mergeCell ref="H2:I2"/>
  </mergeCells>
  <phoneticPr fontId="3"/>
  <pageMargins left="0.59055118110236227" right="0.59055118110236227" top="0.59055118110236227" bottom="0.59055118110236227" header="0.39370078740157483" footer="0.39370078740157483"/>
  <pageSetup paperSize="9" scale="68" fitToWidth="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3</vt:lpstr>
      <vt:lpstr>'1-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3:38Z</dcterms:created>
  <dcterms:modified xsi:type="dcterms:W3CDTF">2024-02-13T00:58:36Z</dcterms:modified>
</cp:coreProperties>
</file>